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2章 人口\02公表用（改定有）\"/>
    </mc:Choice>
  </mc:AlternateContent>
  <xr:revisionPtr revIDLastSave="0" documentId="13_ncr:1_{5A1F477E-6574-4769-BC28-AE8F50457A05}" xr6:coauthVersionLast="44" xr6:coauthVersionMax="44" xr10:uidLastSave="{00000000-0000-0000-0000-000000000000}"/>
  <bookViews>
    <workbookView xWindow="-108" yWindow="-108" windowWidth="23256" windowHeight="12576" tabRatio="650" xr2:uid="{00000000-000D-0000-FFFF-FFFF00000000}"/>
  </bookViews>
  <sheets>
    <sheet name="６　年齢・男女別" sheetId="23" r:id="rId1"/>
  </sheets>
  <definedNames>
    <definedName name="Q_エクスポート女">#REF!</definedName>
    <definedName name="Q_エクスポート男">#REF!</definedName>
    <definedName name="エクスポートデータ">#REF!</definedName>
    <definedName name="浜益区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38" uniqueCount="29">
  <si>
    <t>男</t>
    <rPh sb="0" eb="1">
      <t>オトコ</t>
    </rPh>
    <phoneticPr fontId="2"/>
  </si>
  <si>
    <t>女</t>
    <rPh sb="0" eb="1">
      <t>オンナ</t>
    </rPh>
    <phoneticPr fontId="2"/>
  </si>
  <si>
    <t>６　年齢別・男女別</t>
    <rPh sb="2" eb="4">
      <t>ネンレイ</t>
    </rPh>
    <rPh sb="4" eb="5">
      <t>ベツ</t>
    </rPh>
    <rPh sb="6" eb="8">
      <t>ダンジョ</t>
    </rPh>
    <rPh sb="8" eb="9">
      <t>ベツ</t>
    </rPh>
    <phoneticPr fontId="2"/>
  </si>
  <si>
    <t>総数</t>
    <rPh sb="0" eb="2">
      <t>ソウスウ</t>
    </rPh>
    <phoneticPr fontId="2"/>
  </si>
  <si>
    <t>年齢別</t>
    <rPh sb="0" eb="2">
      <t>ネンレイ</t>
    </rPh>
    <rPh sb="2" eb="3">
      <t>ベツ</t>
    </rPh>
    <phoneticPr fontId="2"/>
  </si>
  <si>
    <t>0～4歳</t>
    <rPh sb="3" eb="4">
      <t>サイ</t>
    </rPh>
    <phoneticPr fontId="2"/>
  </si>
  <si>
    <t>35～39歳</t>
    <rPh sb="5" eb="6">
      <t>サイ</t>
    </rPh>
    <phoneticPr fontId="2"/>
  </si>
  <si>
    <t>70～74歳</t>
    <rPh sb="5" eb="6">
      <t>サイ</t>
    </rPh>
    <phoneticPr fontId="2"/>
  </si>
  <si>
    <t>5～9歳</t>
    <rPh sb="3" eb="4">
      <t>サイ</t>
    </rPh>
    <phoneticPr fontId="2"/>
  </si>
  <si>
    <t>40～44歳</t>
    <rPh sb="5" eb="6">
      <t>サイ</t>
    </rPh>
    <phoneticPr fontId="2"/>
  </si>
  <si>
    <t>75～79歳</t>
    <rPh sb="5" eb="6">
      <t>サイ</t>
    </rPh>
    <phoneticPr fontId="2"/>
  </si>
  <si>
    <t>10～14歳</t>
    <rPh sb="5" eb="6">
      <t>サイ</t>
    </rPh>
    <phoneticPr fontId="2"/>
  </si>
  <si>
    <t>45～49歳</t>
    <rPh sb="5" eb="6">
      <t>サイ</t>
    </rPh>
    <phoneticPr fontId="2"/>
  </si>
  <si>
    <t>80～84歳</t>
    <rPh sb="5" eb="6">
      <t>サイ</t>
    </rPh>
    <phoneticPr fontId="2"/>
  </si>
  <si>
    <t>15～19歳</t>
    <rPh sb="5" eb="6">
      <t>サイ</t>
    </rPh>
    <phoneticPr fontId="2"/>
  </si>
  <si>
    <t>50～54歳</t>
    <rPh sb="0" eb="2">
      <t>５０サイ</t>
    </rPh>
    <rPh sb="5" eb="6">
      <t>サイ</t>
    </rPh>
    <phoneticPr fontId="2"/>
  </si>
  <si>
    <t>85～89歳</t>
    <rPh sb="5" eb="6">
      <t>サイ</t>
    </rPh>
    <phoneticPr fontId="2"/>
  </si>
  <si>
    <t>20～24歳</t>
    <rPh sb="5" eb="6">
      <t>サイ</t>
    </rPh>
    <phoneticPr fontId="2"/>
  </si>
  <si>
    <t>55～59歳</t>
    <rPh sb="5" eb="6">
      <t>サイ</t>
    </rPh>
    <phoneticPr fontId="2"/>
  </si>
  <si>
    <t>90～94歳</t>
    <rPh sb="5" eb="6">
      <t>サイ</t>
    </rPh>
    <phoneticPr fontId="2"/>
  </si>
  <si>
    <t>25～29歳</t>
    <rPh sb="5" eb="6">
      <t>サイ</t>
    </rPh>
    <phoneticPr fontId="2"/>
  </si>
  <si>
    <t>60～64歳</t>
    <rPh sb="5" eb="6">
      <t>サイ</t>
    </rPh>
    <phoneticPr fontId="2"/>
  </si>
  <si>
    <t>95～99歳</t>
    <rPh sb="5" eb="6">
      <t>サイ</t>
    </rPh>
    <phoneticPr fontId="2"/>
  </si>
  <si>
    <t>30～34歳</t>
    <rPh sb="5" eb="6">
      <t>サイ</t>
    </rPh>
    <phoneticPr fontId="2"/>
  </si>
  <si>
    <t>65～69歳</t>
    <rPh sb="5" eb="6">
      <t>サイ</t>
    </rPh>
    <phoneticPr fontId="2"/>
  </si>
  <si>
    <t>100～104歳</t>
    <rPh sb="7" eb="8">
      <t>サイ</t>
    </rPh>
    <phoneticPr fontId="2"/>
  </si>
  <si>
    <t>105歳以上</t>
    <rPh sb="3" eb="4">
      <t>サイ</t>
    </rPh>
    <rPh sb="4" eb="6">
      <t>イジョウ</t>
    </rPh>
    <phoneticPr fontId="2"/>
  </si>
  <si>
    <t>資料：住民基本台帳</t>
    <rPh sb="0" eb="2">
      <t>シリョウ</t>
    </rPh>
    <rPh sb="3" eb="5">
      <t>ジュウミン</t>
    </rPh>
    <rPh sb="5" eb="7">
      <t>キホン</t>
    </rPh>
    <rPh sb="7" eb="9">
      <t>ダイチョウ</t>
    </rPh>
    <phoneticPr fontId="2"/>
  </si>
  <si>
    <t>(令和４年１０月１日現在　単位：人)</t>
    <rPh sb="1" eb="3">
      <t>レイワ</t>
    </rPh>
    <rPh sb="4" eb="5">
      <t>１１ネン</t>
    </rPh>
    <rPh sb="7" eb="8">
      <t>ガツ</t>
    </rPh>
    <rPh sb="9" eb="10">
      <t>ヒ</t>
    </rPh>
    <rPh sb="10" eb="12">
      <t>ゲンザイ</t>
    </rPh>
    <rPh sb="13" eb="15">
      <t>タンイ</t>
    </rPh>
    <rPh sb="16" eb="17">
      <t>ニ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_);[Red]\(#,##0\)"/>
    <numFmt numFmtId="177" formatCode="0&quot;歳&quot;"/>
    <numFmt numFmtId="178" formatCode="_-* #,##0_-;\-* #,##0_-;_-* &quot;-&quot;_-;_-@_-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b/>
      <sz val="16"/>
      <name val="ＭＳ 明朝"/>
      <family val="1"/>
      <charset val="128"/>
    </font>
    <font>
      <sz val="10"/>
      <name val="ＭＳ 明朝"/>
      <family val="1"/>
      <charset val="128"/>
    </font>
    <font>
      <b/>
      <sz val="10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2"/>
      <name val="ＭＳ ゴシック"/>
      <family val="3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50">
    <border>
      <left/>
      <right/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medium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double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double">
        <color indexed="64"/>
      </right>
      <top style="medium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double">
        <color indexed="64"/>
      </right>
      <top style="thin">
        <color indexed="64"/>
      </top>
      <bottom/>
      <diagonal/>
    </border>
    <border>
      <left style="double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double">
        <color indexed="64"/>
      </right>
      <top/>
      <bottom/>
      <diagonal/>
    </border>
    <border>
      <left style="double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double">
        <color indexed="64"/>
      </right>
      <top style="hair">
        <color indexed="64"/>
      </top>
      <bottom/>
      <diagonal/>
    </border>
    <border>
      <left style="double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double">
        <color indexed="64"/>
      </right>
      <top/>
      <bottom style="hair">
        <color indexed="64"/>
      </bottom>
      <diagonal/>
    </border>
    <border>
      <left style="double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double">
        <color indexed="64"/>
      </right>
      <top/>
      <bottom style="medium">
        <color indexed="64"/>
      </bottom>
      <diagonal/>
    </border>
  </borders>
  <cellStyleXfs count="12">
    <xf numFmtId="0" fontId="0" fillId="0" borderId="0"/>
    <xf numFmtId="9" fontId="7" fillId="0" borderId="0" applyFont="0" applyFill="0" applyBorder="0" applyAlignment="0" applyProtection="0"/>
    <xf numFmtId="38" fontId="1" fillId="0" borderId="0" applyFont="0" applyFill="0" applyBorder="0" applyAlignment="0" applyProtection="0"/>
    <xf numFmtId="38" fontId="6" fillId="0" borderId="0" applyFont="0" applyFill="0" applyBorder="0" applyAlignment="0" applyProtection="0"/>
    <xf numFmtId="38" fontId="7" fillId="0" borderId="0" applyFont="0" applyFill="0" applyBorder="0" applyAlignment="0" applyProtection="0"/>
    <xf numFmtId="0" fontId="6" fillId="0" borderId="0"/>
    <xf numFmtId="0" fontId="7" fillId="0" borderId="0"/>
    <xf numFmtId="0" fontId="8" fillId="0" borderId="0">
      <alignment vertical="center"/>
    </xf>
    <xf numFmtId="178" fontId="10" fillId="0" borderId="0" applyFont="0" applyFill="0" applyBorder="0" applyAlignment="0" applyProtection="0"/>
    <xf numFmtId="0" fontId="9" fillId="0" borderId="0"/>
    <xf numFmtId="0" fontId="1" fillId="0" borderId="0"/>
    <xf numFmtId="38" fontId="1" fillId="0" borderId="0" applyFont="0" applyFill="0" applyBorder="0" applyAlignment="0" applyProtection="0"/>
  </cellStyleXfs>
  <cellXfs count="66">
    <xf numFmtId="0" fontId="0" fillId="0" borderId="0" xfId="0"/>
    <xf numFmtId="0" fontId="3" fillId="0" borderId="0" xfId="0" applyFont="1" applyFill="1"/>
    <xf numFmtId="0" fontId="0" fillId="0" borderId="0" xfId="0" applyFont="1" applyFill="1"/>
    <xf numFmtId="38" fontId="4" fillId="0" borderId="8" xfId="2" applyFont="1" applyFill="1" applyBorder="1"/>
    <xf numFmtId="38" fontId="4" fillId="0" borderId="9" xfId="2" applyFont="1" applyFill="1" applyBorder="1"/>
    <xf numFmtId="38" fontId="4" fillId="0" borderId="14" xfId="2" applyFont="1" applyFill="1" applyBorder="1"/>
    <xf numFmtId="0" fontId="4" fillId="0" borderId="19" xfId="0" applyFont="1" applyFill="1" applyBorder="1" applyAlignment="1">
      <alignment horizontal="center"/>
    </xf>
    <xf numFmtId="0" fontId="4" fillId="0" borderId="20" xfId="0" applyFont="1" applyFill="1" applyBorder="1" applyAlignment="1">
      <alignment horizontal="center"/>
    </xf>
    <xf numFmtId="0" fontId="4" fillId="0" borderId="36" xfId="0" applyFont="1" applyFill="1" applyBorder="1" applyAlignment="1">
      <alignment horizontal="center"/>
    </xf>
    <xf numFmtId="0" fontId="4" fillId="0" borderId="21" xfId="0" applyFont="1" applyFill="1" applyBorder="1" applyAlignment="1">
      <alignment horizontal="center"/>
    </xf>
    <xf numFmtId="0" fontId="4" fillId="0" borderId="2" xfId="0" applyFont="1" applyFill="1" applyBorder="1" applyAlignment="1">
      <alignment horizontal="center"/>
    </xf>
    <xf numFmtId="0" fontId="4" fillId="0" borderId="1" xfId="0" applyFont="1" applyFill="1" applyBorder="1" applyAlignment="1">
      <alignment horizontal="center"/>
    </xf>
    <xf numFmtId="0" fontId="5" fillId="0" borderId="22" xfId="0" applyFont="1" applyFill="1" applyBorder="1" applyAlignment="1">
      <alignment horizontal="center"/>
    </xf>
    <xf numFmtId="176" fontId="5" fillId="0" borderId="24" xfId="2" applyNumberFormat="1" applyFont="1" applyFill="1" applyBorder="1" applyAlignment="1">
      <alignment shrinkToFit="1"/>
    </xf>
    <xf numFmtId="176" fontId="5" fillId="0" borderId="11" xfId="2" applyNumberFormat="1" applyFont="1" applyFill="1" applyBorder="1" applyAlignment="1">
      <alignment shrinkToFit="1"/>
    </xf>
    <xf numFmtId="0" fontId="4" fillId="0" borderId="23" xfId="0" applyFont="1" applyFill="1" applyBorder="1"/>
    <xf numFmtId="38" fontId="4" fillId="0" borderId="24" xfId="2" applyFont="1" applyFill="1" applyBorder="1"/>
    <xf numFmtId="38" fontId="4" fillId="0" borderId="11" xfId="2" applyFont="1" applyFill="1" applyBorder="1"/>
    <xf numFmtId="38" fontId="4" fillId="0" borderId="25" xfId="2" applyFont="1" applyFill="1" applyBorder="1"/>
    <xf numFmtId="0" fontId="4" fillId="0" borderId="3" xfId="0" applyFont="1" applyFill="1" applyBorder="1" applyAlignment="1">
      <alignment horizontal="center"/>
    </xf>
    <xf numFmtId="0" fontId="4" fillId="0" borderId="7" xfId="0" applyFont="1" applyFill="1" applyBorder="1"/>
    <xf numFmtId="38" fontId="4" fillId="0" borderId="10" xfId="2" applyFont="1" applyFill="1" applyBorder="1"/>
    <xf numFmtId="177" fontId="4" fillId="0" borderId="3" xfId="0" applyNumberFormat="1" applyFont="1" applyFill="1" applyBorder="1" applyAlignment="1">
      <alignment horizontal="center"/>
    </xf>
    <xf numFmtId="177" fontId="4" fillId="0" borderId="7" xfId="0" applyNumberFormat="1" applyFont="1" applyFill="1" applyBorder="1" applyAlignment="1">
      <alignment horizontal="center"/>
    </xf>
    <xf numFmtId="177" fontId="4" fillId="0" borderId="29" xfId="0" applyNumberFormat="1" applyFont="1" applyFill="1" applyBorder="1" applyAlignment="1">
      <alignment horizontal="center"/>
    </xf>
    <xf numFmtId="38" fontId="4" fillId="0" borderId="6" xfId="2" applyFont="1" applyFill="1" applyBorder="1"/>
    <xf numFmtId="38" fontId="4" fillId="0" borderId="5" xfId="2" applyFont="1" applyFill="1" applyBorder="1"/>
    <xf numFmtId="177" fontId="4" fillId="0" borderId="30" xfId="0" applyNumberFormat="1" applyFont="1" applyFill="1" applyBorder="1" applyAlignment="1">
      <alignment horizontal="center"/>
    </xf>
    <xf numFmtId="38" fontId="4" fillId="0" borderId="28" xfId="2" applyFont="1" applyFill="1" applyBorder="1"/>
    <xf numFmtId="177" fontId="4" fillId="0" borderId="26" xfId="0" applyNumberFormat="1" applyFont="1" applyFill="1" applyBorder="1" applyAlignment="1">
      <alignment horizontal="center"/>
    </xf>
    <xf numFmtId="38" fontId="4" fillId="0" borderId="35" xfId="2" applyFont="1" applyFill="1" applyBorder="1"/>
    <xf numFmtId="38" fontId="4" fillId="0" borderId="32" xfId="2" applyFont="1" applyFill="1" applyBorder="1"/>
    <xf numFmtId="177" fontId="4" fillId="0" borderId="27" xfId="0" applyNumberFormat="1" applyFont="1" applyFill="1" applyBorder="1" applyAlignment="1">
      <alignment horizontal="center"/>
    </xf>
    <xf numFmtId="38" fontId="4" fillId="0" borderId="33" xfId="2" applyFont="1" applyFill="1" applyBorder="1"/>
    <xf numFmtId="0" fontId="4" fillId="0" borderId="26" xfId="0" applyFont="1" applyFill="1" applyBorder="1" applyAlignment="1">
      <alignment horizontal="center"/>
    </xf>
    <xf numFmtId="0" fontId="4" fillId="0" borderId="27" xfId="0" applyFont="1" applyFill="1" applyBorder="1" applyAlignment="1">
      <alignment horizontal="center" shrinkToFit="1"/>
    </xf>
    <xf numFmtId="0" fontId="4" fillId="0" borderId="17" xfId="0" applyFont="1" applyFill="1" applyBorder="1" applyAlignment="1">
      <alignment horizontal="center"/>
    </xf>
    <xf numFmtId="38" fontId="4" fillId="0" borderId="15" xfId="2" applyFont="1" applyFill="1" applyBorder="1"/>
    <xf numFmtId="0" fontId="4" fillId="0" borderId="18" xfId="0" applyFont="1" applyFill="1" applyBorder="1"/>
    <xf numFmtId="38" fontId="4" fillId="0" borderId="34" xfId="2" applyFont="1" applyFill="1" applyBorder="1"/>
    <xf numFmtId="0" fontId="0" fillId="0" borderId="0" xfId="0" applyFont="1" applyFill="1" applyAlignment="1">
      <alignment horizontal="left"/>
    </xf>
    <xf numFmtId="38" fontId="0" fillId="0" borderId="0" xfId="2" applyFont="1" applyFill="1"/>
    <xf numFmtId="0" fontId="0" fillId="0" borderId="0" xfId="0" applyFont="1" applyFill="1" applyAlignment="1">
      <alignment horizontal="center"/>
    </xf>
    <xf numFmtId="176" fontId="5" fillId="0" borderId="13" xfId="2" applyNumberFormat="1" applyFont="1" applyFill="1" applyBorder="1" applyAlignment="1">
      <alignment shrinkToFit="1"/>
    </xf>
    <xf numFmtId="38" fontId="4" fillId="0" borderId="12" xfId="2" applyFont="1" applyFill="1" applyBorder="1"/>
    <xf numFmtId="38" fontId="4" fillId="0" borderId="31" xfId="2" applyFont="1" applyFill="1" applyBorder="1"/>
    <xf numFmtId="38" fontId="4" fillId="0" borderId="37" xfId="2" applyFont="1" applyFill="1" applyBorder="1"/>
    <xf numFmtId="38" fontId="4" fillId="0" borderId="16" xfId="2" applyFont="1" applyFill="1" applyBorder="1"/>
    <xf numFmtId="0" fontId="4" fillId="0" borderId="38" xfId="0" applyFont="1" applyFill="1" applyBorder="1" applyAlignment="1">
      <alignment horizontal="center"/>
    </xf>
    <xf numFmtId="0" fontId="4" fillId="0" borderId="39" xfId="0" applyFont="1" applyFill="1" applyBorder="1" applyAlignment="1">
      <alignment horizontal="center"/>
    </xf>
    <xf numFmtId="0" fontId="4" fillId="0" borderId="40" xfId="0" applyFont="1" applyFill="1" applyBorder="1"/>
    <xf numFmtId="38" fontId="4" fillId="0" borderId="41" xfId="2" applyFont="1" applyFill="1" applyBorder="1"/>
    <xf numFmtId="0" fontId="4" fillId="0" borderId="42" xfId="0" applyFont="1" applyFill="1" applyBorder="1"/>
    <xf numFmtId="38" fontId="4" fillId="0" borderId="43" xfId="2" applyFont="1" applyFill="1" applyBorder="1"/>
    <xf numFmtId="177" fontId="4" fillId="0" borderId="42" xfId="0" applyNumberFormat="1" applyFont="1" applyFill="1" applyBorder="1" applyAlignment="1">
      <alignment horizontal="center"/>
    </xf>
    <xf numFmtId="177" fontId="4" fillId="0" borderId="44" xfId="0" applyNumberFormat="1" applyFont="1" applyFill="1" applyBorder="1" applyAlignment="1">
      <alignment horizontal="center"/>
    </xf>
    <xf numFmtId="38" fontId="4" fillId="0" borderId="45" xfId="2" applyFont="1" applyFill="1" applyBorder="1"/>
    <xf numFmtId="177" fontId="4" fillId="0" borderId="46" xfId="0" applyNumberFormat="1" applyFont="1" applyFill="1" applyBorder="1" applyAlignment="1">
      <alignment horizontal="center"/>
    </xf>
    <xf numFmtId="38" fontId="4" fillId="0" borderId="47" xfId="2" applyFont="1" applyFill="1" applyBorder="1"/>
    <xf numFmtId="0" fontId="4" fillId="0" borderId="46" xfId="0" applyFont="1" applyFill="1" applyBorder="1" applyAlignment="1">
      <alignment horizontal="center"/>
    </xf>
    <xf numFmtId="0" fontId="4" fillId="0" borderId="48" xfId="0" applyFont="1" applyFill="1" applyBorder="1"/>
    <xf numFmtId="38" fontId="4" fillId="0" borderId="49" xfId="2" applyFont="1" applyFill="1" applyBorder="1"/>
    <xf numFmtId="38" fontId="0" fillId="0" borderId="0" xfId="2" applyFont="1" applyFill="1" applyBorder="1" applyAlignment="1">
      <alignment horizontal="left"/>
    </xf>
    <xf numFmtId="0" fontId="0" fillId="0" borderId="0" xfId="0" applyFont="1" applyFill="1" applyBorder="1" applyAlignment="1">
      <alignment horizontal="left"/>
    </xf>
    <xf numFmtId="0" fontId="0" fillId="0" borderId="4" xfId="0" applyFont="1" applyFill="1" applyBorder="1" applyAlignment="1">
      <alignment horizontal="right"/>
    </xf>
    <xf numFmtId="0" fontId="0" fillId="0" borderId="4" xfId="0" applyFont="1" applyFill="1" applyBorder="1" applyAlignment="1"/>
  </cellXfs>
  <cellStyles count="12">
    <cellStyle name="パーセント 2" xfId="1" xr:uid="{00000000-0005-0000-0000-000001000000}"/>
    <cellStyle name="桁区切り" xfId="2" builtinId="6"/>
    <cellStyle name="桁区切り 2" xfId="3" xr:uid="{00000000-0005-0000-0000-000004000000}"/>
    <cellStyle name="桁区切り 2 2" xfId="11" xr:uid="{00000000-0005-0000-0000-000005000000}"/>
    <cellStyle name="桁区切り 3" xfId="4" xr:uid="{00000000-0005-0000-0000-000006000000}"/>
    <cellStyle name="桁区切り 4" xfId="8" xr:uid="{00000000-0005-0000-0000-000007000000}"/>
    <cellStyle name="標準" xfId="0" builtinId="0"/>
    <cellStyle name="標準 2" xfId="5" xr:uid="{00000000-0005-0000-0000-000009000000}"/>
    <cellStyle name="標準 2 2" xfId="10" xr:uid="{00000000-0005-0000-0000-00000A000000}"/>
    <cellStyle name="標準 3" xfId="6" xr:uid="{00000000-0005-0000-0000-00000B000000}"/>
    <cellStyle name="標準 4" xfId="7" xr:uid="{00000000-0005-0000-0000-00000C000000}"/>
    <cellStyle name="標準 5" xfId="9" xr:uid="{00000000-0005-0000-0000-00000D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theme="0"/>
  </sheetPr>
  <dimension ref="A1:L58"/>
  <sheetViews>
    <sheetView tabSelected="1" view="pageBreakPreview" zoomScale="130" zoomScaleNormal="115" zoomScaleSheetLayoutView="130" workbookViewId="0">
      <selection activeCell="G55" sqref="G55"/>
    </sheetView>
  </sheetViews>
  <sheetFormatPr defaultColWidth="9" defaultRowHeight="13.2" x14ac:dyDescent="0.2"/>
  <cols>
    <col min="1" max="1" width="8.88671875" style="2" customWidth="1"/>
    <col min="2" max="4" width="7" style="2" customWidth="1"/>
    <col min="5" max="5" width="8.88671875" style="2" customWidth="1"/>
    <col min="6" max="8" width="7" style="2" customWidth="1"/>
    <col min="9" max="9" width="8.88671875" style="2" customWidth="1"/>
    <col min="10" max="10" width="7" style="2" customWidth="1"/>
    <col min="11" max="11" width="7.109375" style="2" customWidth="1"/>
    <col min="12" max="12" width="6.6640625" style="2" customWidth="1"/>
    <col min="13" max="16384" width="9" style="2"/>
  </cols>
  <sheetData>
    <row r="1" spans="1:12" ht="19.2" x14ac:dyDescent="0.25">
      <c r="A1" s="1" t="s">
        <v>2</v>
      </c>
      <c r="E1" s="2" t="s">
        <v>27</v>
      </c>
    </row>
    <row r="2" spans="1:12" ht="13.8" thickBot="1" x14ac:dyDescent="0.25">
      <c r="H2" s="64" t="s">
        <v>28</v>
      </c>
      <c r="I2" s="65"/>
      <c r="J2" s="65"/>
      <c r="K2" s="65"/>
      <c r="L2" s="65"/>
    </row>
    <row r="3" spans="1:12" x14ac:dyDescent="0.2">
      <c r="A3" s="10" t="s">
        <v>4</v>
      </c>
      <c r="B3" s="6" t="s">
        <v>0</v>
      </c>
      <c r="C3" s="7" t="s">
        <v>1</v>
      </c>
      <c r="D3" s="8" t="s">
        <v>3</v>
      </c>
      <c r="E3" s="48" t="s">
        <v>4</v>
      </c>
      <c r="F3" s="6" t="s">
        <v>0</v>
      </c>
      <c r="G3" s="7" t="s">
        <v>1</v>
      </c>
      <c r="H3" s="49" t="s">
        <v>3</v>
      </c>
      <c r="I3" s="11" t="s">
        <v>4</v>
      </c>
      <c r="J3" s="6" t="s">
        <v>0</v>
      </c>
      <c r="K3" s="7" t="s">
        <v>1</v>
      </c>
      <c r="L3" s="9" t="s">
        <v>3</v>
      </c>
    </row>
    <row r="4" spans="1:12" x14ac:dyDescent="0.2">
      <c r="A4" s="12" t="s">
        <v>3</v>
      </c>
      <c r="B4" s="13">
        <v>28063</v>
      </c>
      <c r="C4" s="14">
        <v>29921</v>
      </c>
      <c r="D4" s="43">
        <v>57984</v>
      </c>
      <c r="E4" s="50"/>
      <c r="F4" s="16"/>
      <c r="G4" s="17"/>
      <c r="H4" s="51"/>
      <c r="I4" s="15"/>
      <c r="J4" s="16"/>
      <c r="K4" s="17"/>
      <c r="L4" s="18"/>
    </row>
    <row r="5" spans="1:12" x14ac:dyDescent="0.2">
      <c r="A5" s="19"/>
      <c r="B5" s="3"/>
      <c r="C5" s="4"/>
      <c r="D5" s="44"/>
      <c r="E5" s="52"/>
      <c r="F5" s="3"/>
      <c r="G5" s="4"/>
      <c r="H5" s="53"/>
      <c r="I5" s="20"/>
      <c r="J5" s="3"/>
      <c r="K5" s="4"/>
      <c r="L5" s="21"/>
    </row>
    <row r="6" spans="1:12" x14ac:dyDescent="0.2">
      <c r="A6" s="22">
        <v>0</v>
      </c>
      <c r="B6" s="3">
        <v>135</v>
      </c>
      <c r="C6" s="4">
        <v>148</v>
      </c>
      <c r="D6" s="44">
        <v>283</v>
      </c>
      <c r="E6" s="54">
        <v>35</v>
      </c>
      <c r="F6" s="3">
        <v>311</v>
      </c>
      <c r="G6" s="4">
        <v>265</v>
      </c>
      <c r="H6" s="53">
        <v>576</v>
      </c>
      <c r="I6" s="23">
        <v>70</v>
      </c>
      <c r="J6" s="3">
        <v>456</v>
      </c>
      <c r="K6" s="4">
        <v>571</v>
      </c>
      <c r="L6" s="21">
        <v>1027</v>
      </c>
    </row>
    <row r="7" spans="1:12" x14ac:dyDescent="0.2">
      <c r="A7" s="22">
        <v>1</v>
      </c>
      <c r="B7" s="3">
        <v>173</v>
      </c>
      <c r="C7" s="4">
        <v>159</v>
      </c>
      <c r="D7" s="44">
        <v>332</v>
      </c>
      <c r="E7" s="54">
        <v>36</v>
      </c>
      <c r="F7" s="3">
        <v>288</v>
      </c>
      <c r="G7" s="4">
        <v>290</v>
      </c>
      <c r="H7" s="53">
        <v>578</v>
      </c>
      <c r="I7" s="23">
        <v>71</v>
      </c>
      <c r="J7" s="3">
        <v>531</v>
      </c>
      <c r="K7" s="4">
        <v>596</v>
      </c>
      <c r="L7" s="21">
        <v>1127</v>
      </c>
    </row>
    <row r="8" spans="1:12" x14ac:dyDescent="0.2">
      <c r="A8" s="22">
        <v>2</v>
      </c>
      <c r="B8" s="3">
        <v>209</v>
      </c>
      <c r="C8" s="4">
        <v>186</v>
      </c>
      <c r="D8" s="44">
        <v>395</v>
      </c>
      <c r="E8" s="54">
        <v>37</v>
      </c>
      <c r="F8" s="3">
        <v>308</v>
      </c>
      <c r="G8" s="4">
        <v>303</v>
      </c>
      <c r="H8" s="53">
        <v>611</v>
      </c>
      <c r="I8" s="23">
        <v>72</v>
      </c>
      <c r="J8" s="3">
        <v>553</v>
      </c>
      <c r="K8" s="4">
        <v>645</v>
      </c>
      <c r="L8" s="21">
        <v>1198</v>
      </c>
    </row>
    <row r="9" spans="1:12" x14ac:dyDescent="0.2">
      <c r="A9" s="22">
        <v>3</v>
      </c>
      <c r="B9" s="3">
        <v>217</v>
      </c>
      <c r="C9" s="4">
        <v>185</v>
      </c>
      <c r="D9" s="44">
        <v>402</v>
      </c>
      <c r="E9" s="54">
        <v>38</v>
      </c>
      <c r="F9" s="3">
        <v>318</v>
      </c>
      <c r="G9" s="4">
        <v>303</v>
      </c>
      <c r="H9" s="53">
        <v>621</v>
      </c>
      <c r="I9" s="23">
        <v>73</v>
      </c>
      <c r="J9" s="3">
        <v>603</v>
      </c>
      <c r="K9" s="4">
        <v>704</v>
      </c>
      <c r="L9" s="21">
        <v>1307</v>
      </c>
    </row>
    <row r="10" spans="1:12" x14ac:dyDescent="0.2">
      <c r="A10" s="22">
        <v>4</v>
      </c>
      <c r="B10" s="3">
        <v>223</v>
      </c>
      <c r="C10" s="4">
        <v>203</v>
      </c>
      <c r="D10" s="44">
        <v>426</v>
      </c>
      <c r="E10" s="54">
        <v>39</v>
      </c>
      <c r="F10" s="3">
        <v>348</v>
      </c>
      <c r="G10" s="4">
        <v>319</v>
      </c>
      <c r="H10" s="53">
        <v>667</v>
      </c>
      <c r="I10" s="23">
        <v>74</v>
      </c>
      <c r="J10" s="3">
        <v>568</v>
      </c>
      <c r="K10" s="4">
        <v>619</v>
      </c>
      <c r="L10" s="21">
        <v>1187</v>
      </c>
    </row>
    <row r="11" spans="1:12" x14ac:dyDescent="0.2">
      <c r="A11" s="22" t="s">
        <v>5</v>
      </c>
      <c r="B11" s="3">
        <v>957</v>
      </c>
      <c r="C11" s="4">
        <v>881</v>
      </c>
      <c r="D11" s="44">
        <v>1838</v>
      </c>
      <c r="E11" s="54" t="s">
        <v>6</v>
      </c>
      <c r="F11" s="3">
        <v>1573</v>
      </c>
      <c r="G11" s="4">
        <v>1480</v>
      </c>
      <c r="H11" s="53">
        <v>3053</v>
      </c>
      <c r="I11" s="23" t="s">
        <v>7</v>
      </c>
      <c r="J11" s="3">
        <v>2711</v>
      </c>
      <c r="K11" s="4">
        <v>3135</v>
      </c>
      <c r="L11" s="21">
        <v>5846</v>
      </c>
    </row>
    <row r="12" spans="1:12" x14ac:dyDescent="0.2">
      <c r="A12" s="24"/>
      <c r="B12" s="25"/>
      <c r="C12" s="26"/>
      <c r="D12" s="45"/>
      <c r="E12" s="55"/>
      <c r="F12" s="25"/>
      <c r="G12" s="26"/>
      <c r="H12" s="56"/>
      <c r="I12" s="27"/>
      <c r="J12" s="25"/>
      <c r="K12" s="26"/>
      <c r="L12" s="28"/>
    </row>
    <row r="13" spans="1:12" x14ac:dyDescent="0.2">
      <c r="A13" s="22">
        <v>5</v>
      </c>
      <c r="B13" s="3">
        <v>246</v>
      </c>
      <c r="C13" s="4">
        <v>221</v>
      </c>
      <c r="D13" s="44">
        <v>467</v>
      </c>
      <c r="E13" s="54">
        <v>40</v>
      </c>
      <c r="F13" s="3">
        <v>311</v>
      </c>
      <c r="G13" s="4">
        <v>319</v>
      </c>
      <c r="H13" s="53">
        <v>630</v>
      </c>
      <c r="I13" s="23">
        <v>75</v>
      </c>
      <c r="J13" s="3">
        <v>454</v>
      </c>
      <c r="K13" s="4">
        <v>532</v>
      </c>
      <c r="L13" s="21">
        <v>986</v>
      </c>
    </row>
    <row r="14" spans="1:12" x14ac:dyDescent="0.2">
      <c r="A14" s="22">
        <v>6</v>
      </c>
      <c r="B14" s="3">
        <v>235</v>
      </c>
      <c r="C14" s="4">
        <v>214</v>
      </c>
      <c r="D14" s="44">
        <v>449</v>
      </c>
      <c r="E14" s="54">
        <v>41</v>
      </c>
      <c r="F14" s="3">
        <v>362</v>
      </c>
      <c r="G14" s="4">
        <v>352</v>
      </c>
      <c r="H14" s="53">
        <v>714</v>
      </c>
      <c r="I14" s="23">
        <v>76</v>
      </c>
      <c r="J14" s="3">
        <v>358</v>
      </c>
      <c r="K14" s="4">
        <v>415</v>
      </c>
      <c r="L14" s="21">
        <v>773</v>
      </c>
    </row>
    <row r="15" spans="1:12" x14ac:dyDescent="0.2">
      <c r="A15" s="22">
        <v>7</v>
      </c>
      <c r="B15" s="3">
        <v>254</v>
      </c>
      <c r="C15" s="4">
        <v>251</v>
      </c>
      <c r="D15" s="44">
        <v>505</v>
      </c>
      <c r="E15" s="54">
        <v>42</v>
      </c>
      <c r="F15" s="3">
        <v>363</v>
      </c>
      <c r="G15" s="4">
        <v>368</v>
      </c>
      <c r="H15" s="53">
        <v>731</v>
      </c>
      <c r="I15" s="23">
        <v>77</v>
      </c>
      <c r="J15" s="3">
        <v>312</v>
      </c>
      <c r="K15" s="4">
        <v>356</v>
      </c>
      <c r="L15" s="21">
        <v>668</v>
      </c>
    </row>
    <row r="16" spans="1:12" x14ac:dyDescent="0.2">
      <c r="A16" s="22">
        <v>8</v>
      </c>
      <c r="B16" s="3">
        <v>229</v>
      </c>
      <c r="C16" s="4">
        <v>232</v>
      </c>
      <c r="D16" s="44">
        <v>461</v>
      </c>
      <c r="E16" s="54">
        <v>43</v>
      </c>
      <c r="F16" s="3">
        <v>430</v>
      </c>
      <c r="G16" s="4">
        <v>387</v>
      </c>
      <c r="H16" s="53">
        <v>817</v>
      </c>
      <c r="I16" s="23">
        <v>78</v>
      </c>
      <c r="J16" s="3">
        <v>335</v>
      </c>
      <c r="K16" s="4">
        <v>413</v>
      </c>
      <c r="L16" s="21">
        <v>748</v>
      </c>
    </row>
    <row r="17" spans="1:12" x14ac:dyDescent="0.2">
      <c r="A17" s="22">
        <v>9</v>
      </c>
      <c r="B17" s="3">
        <v>261</v>
      </c>
      <c r="C17" s="4">
        <v>250</v>
      </c>
      <c r="D17" s="44">
        <v>511</v>
      </c>
      <c r="E17" s="54">
        <v>44</v>
      </c>
      <c r="F17" s="3">
        <v>424</v>
      </c>
      <c r="G17" s="4">
        <v>432</v>
      </c>
      <c r="H17" s="53">
        <v>856</v>
      </c>
      <c r="I17" s="23">
        <v>79</v>
      </c>
      <c r="J17" s="3">
        <v>343</v>
      </c>
      <c r="K17" s="4">
        <v>389</v>
      </c>
      <c r="L17" s="21">
        <v>732</v>
      </c>
    </row>
    <row r="18" spans="1:12" x14ac:dyDescent="0.2">
      <c r="A18" s="29" t="s">
        <v>8</v>
      </c>
      <c r="B18" s="30">
        <v>1225</v>
      </c>
      <c r="C18" s="31">
        <v>1168</v>
      </c>
      <c r="D18" s="46">
        <v>2393</v>
      </c>
      <c r="E18" s="57" t="s">
        <v>9</v>
      </c>
      <c r="F18" s="30">
        <v>1890</v>
      </c>
      <c r="G18" s="31">
        <v>1858</v>
      </c>
      <c r="H18" s="58">
        <v>3748</v>
      </c>
      <c r="I18" s="32" t="s">
        <v>10</v>
      </c>
      <c r="J18" s="30">
        <v>1802</v>
      </c>
      <c r="K18" s="31">
        <v>2105</v>
      </c>
      <c r="L18" s="33">
        <v>3907</v>
      </c>
    </row>
    <row r="19" spans="1:12" x14ac:dyDescent="0.2">
      <c r="A19" s="22"/>
      <c r="B19" s="3"/>
      <c r="C19" s="4"/>
      <c r="D19" s="44"/>
      <c r="E19" s="54"/>
      <c r="F19" s="3"/>
      <c r="G19" s="4"/>
      <c r="H19" s="53"/>
      <c r="I19" s="23"/>
      <c r="J19" s="3"/>
      <c r="K19" s="4"/>
      <c r="L19" s="21"/>
    </row>
    <row r="20" spans="1:12" x14ac:dyDescent="0.2">
      <c r="A20" s="22">
        <v>10</v>
      </c>
      <c r="B20" s="3">
        <v>233</v>
      </c>
      <c r="C20" s="4">
        <v>246</v>
      </c>
      <c r="D20" s="44">
        <v>479</v>
      </c>
      <c r="E20" s="54">
        <v>45</v>
      </c>
      <c r="F20" s="3">
        <v>397</v>
      </c>
      <c r="G20" s="4">
        <v>420</v>
      </c>
      <c r="H20" s="53">
        <v>817</v>
      </c>
      <c r="I20" s="23">
        <v>80</v>
      </c>
      <c r="J20" s="3">
        <v>305</v>
      </c>
      <c r="K20" s="4">
        <v>375</v>
      </c>
      <c r="L20" s="21">
        <v>680</v>
      </c>
    </row>
    <row r="21" spans="1:12" x14ac:dyDescent="0.2">
      <c r="A21" s="22">
        <v>11</v>
      </c>
      <c r="B21" s="3">
        <v>263</v>
      </c>
      <c r="C21" s="4">
        <v>254</v>
      </c>
      <c r="D21" s="44">
        <v>517</v>
      </c>
      <c r="E21" s="54">
        <v>46</v>
      </c>
      <c r="F21" s="3">
        <v>468</v>
      </c>
      <c r="G21" s="4">
        <v>444</v>
      </c>
      <c r="H21" s="53">
        <v>912</v>
      </c>
      <c r="I21" s="23">
        <v>81</v>
      </c>
      <c r="J21" s="3">
        <v>249</v>
      </c>
      <c r="K21" s="4">
        <v>340</v>
      </c>
      <c r="L21" s="21">
        <v>589</v>
      </c>
    </row>
    <row r="22" spans="1:12" x14ac:dyDescent="0.2">
      <c r="A22" s="22">
        <v>12</v>
      </c>
      <c r="B22" s="3">
        <v>263</v>
      </c>
      <c r="C22" s="4">
        <v>251</v>
      </c>
      <c r="D22" s="44">
        <v>514</v>
      </c>
      <c r="E22" s="54">
        <v>47</v>
      </c>
      <c r="F22" s="3">
        <v>452</v>
      </c>
      <c r="G22" s="4">
        <v>429</v>
      </c>
      <c r="H22" s="53">
        <v>881</v>
      </c>
      <c r="I22" s="23">
        <v>82</v>
      </c>
      <c r="J22" s="3">
        <v>250</v>
      </c>
      <c r="K22" s="4">
        <v>297</v>
      </c>
      <c r="L22" s="21">
        <v>547</v>
      </c>
    </row>
    <row r="23" spans="1:12" x14ac:dyDescent="0.2">
      <c r="A23" s="22">
        <v>13</v>
      </c>
      <c r="B23" s="3">
        <v>262</v>
      </c>
      <c r="C23" s="4">
        <v>287</v>
      </c>
      <c r="D23" s="44">
        <v>549</v>
      </c>
      <c r="E23" s="54">
        <v>48</v>
      </c>
      <c r="F23" s="3">
        <v>459</v>
      </c>
      <c r="G23" s="4">
        <v>502</v>
      </c>
      <c r="H23" s="53">
        <v>961</v>
      </c>
      <c r="I23" s="23">
        <v>83</v>
      </c>
      <c r="J23" s="3">
        <v>170</v>
      </c>
      <c r="K23" s="4">
        <v>271</v>
      </c>
      <c r="L23" s="21">
        <v>441</v>
      </c>
    </row>
    <row r="24" spans="1:12" x14ac:dyDescent="0.2">
      <c r="A24" s="22">
        <v>14</v>
      </c>
      <c r="B24" s="3">
        <v>305</v>
      </c>
      <c r="C24" s="4">
        <v>282</v>
      </c>
      <c r="D24" s="44">
        <v>587</v>
      </c>
      <c r="E24" s="54">
        <v>49</v>
      </c>
      <c r="F24" s="3">
        <v>505</v>
      </c>
      <c r="G24" s="4">
        <v>427</v>
      </c>
      <c r="H24" s="53">
        <v>932</v>
      </c>
      <c r="I24" s="23">
        <v>84</v>
      </c>
      <c r="J24" s="3">
        <v>180</v>
      </c>
      <c r="K24" s="4">
        <v>296</v>
      </c>
      <c r="L24" s="21">
        <v>476</v>
      </c>
    </row>
    <row r="25" spans="1:12" x14ac:dyDescent="0.2">
      <c r="A25" s="22" t="s">
        <v>11</v>
      </c>
      <c r="B25" s="3">
        <v>1326</v>
      </c>
      <c r="C25" s="4">
        <v>1320</v>
      </c>
      <c r="D25" s="44">
        <v>2646</v>
      </c>
      <c r="E25" s="54" t="s">
        <v>12</v>
      </c>
      <c r="F25" s="3">
        <v>2281</v>
      </c>
      <c r="G25" s="4">
        <v>2222</v>
      </c>
      <c r="H25" s="53">
        <v>4503</v>
      </c>
      <c r="I25" s="23" t="s">
        <v>13</v>
      </c>
      <c r="J25" s="3">
        <v>1154</v>
      </c>
      <c r="K25" s="4">
        <v>1579</v>
      </c>
      <c r="L25" s="21">
        <v>2733</v>
      </c>
    </row>
    <row r="26" spans="1:12" x14ac:dyDescent="0.2">
      <c r="A26" s="24"/>
      <c r="B26" s="25"/>
      <c r="C26" s="26"/>
      <c r="D26" s="45"/>
      <c r="E26" s="55"/>
      <c r="F26" s="25"/>
      <c r="G26" s="26"/>
      <c r="H26" s="56"/>
      <c r="I26" s="27"/>
      <c r="J26" s="25"/>
      <c r="K26" s="26"/>
      <c r="L26" s="28"/>
    </row>
    <row r="27" spans="1:12" x14ac:dyDescent="0.2">
      <c r="A27" s="22">
        <v>15</v>
      </c>
      <c r="B27" s="3">
        <v>275</v>
      </c>
      <c r="C27" s="4">
        <v>266</v>
      </c>
      <c r="D27" s="44">
        <v>541</v>
      </c>
      <c r="E27" s="54">
        <v>50</v>
      </c>
      <c r="F27" s="3">
        <v>466</v>
      </c>
      <c r="G27" s="4">
        <v>384</v>
      </c>
      <c r="H27" s="53">
        <v>850</v>
      </c>
      <c r="I27" s="23">
        <v>85</v>
      </c>
      <c r="J27" s="3">
        <v>176</v>
      </c>
      <c r="K27" s="4">
        <v>232</v>
      </c>
      <c r="L27" s="21">
        <v>408</v>
      </c>
    </row>
    <row r="28" spans="1:12" x14ac:dyDescent="0.2">
      <c r="A28" s="22">
        <v>16</v>
      </c>
      <c r="B28" s="3">
        <v>305</v>
      </c>
      <c r="C28" s="4">
        <v>222</v>
      </c>
      <c r="D28" s="44">
        <v>527</v>
      </c>
      <c r="E28" s="54">
        <v>51</v>
      </c>
      <c r="F28" s="3">
        <v>420</v>
      </c>
      <c r="G28" s="4">
        <v>433</v>
      </c>
      <c r="H28" s="53">
        <v>853</v>
      </c>
      <c r="I28" s="23">
        <v>86</v>
      </c>
      <c r="J28" s="3">
        <v>153</v>
      </c>
      <c r="K28" s="4">
        <v>246</v>
      </c>
      <c r="L28" s="21">
        <v>399</v>
      </c>
    </row>
    <row r="29" spans="1:12" x14ac:dyDescent="0.2">
      <c r="A29" s="22">
        <v>17</v>
      </c>
      <c r="B29" s="3">
        <v>298</v>
      </c>
      <c r="C29" s="4">
        <v>322</v>
      </c>
      <c r="D29" s="44">
        <v>620</v>
      </c>
      <c r="E29" s="54">
        <v>52</v>
      </c>
      <c r="F29" s="3">
        <v>402</v>
      </c>
      <c r="G29" s="4">
        <v>377</v>
      </c>
      <c r="H29" s="53">
        <v>779</v>
      </c>
      <c r="I29" s="23">
        <v>87</v>
      </c>
      <c r="J29" s="3">
        <v>142</v>
      </c>
      <c r="K29" s="4">
        <v>206</v>
      </c>
      <c r="L29" s="21">
        <v>348</v>
      </c>
    </row>
    <row r="30" spans="1:12" x14ac:dyDescent="0.2">
      <c r="A30" s="22">
        <v>18</v>
      </c>
      <c r="B30" s="3">
        <v>298</v>
      </c>
      <c r="C30" s="4">
        <v>292</v>
      </c>
      <c r="D30" s="44">
        <v>590</v>
      </c>
      <c r="E30" s="54">
        <v>53</v>
      </c>
      <c r="F30" s="3">
        <v>389</v>
      </c>
      <c r="G30" s="4">
        <v>348</v>
      </c>
      <c r="H30" s="53">
        <v>737</v>
      </c>
      <c r="I30" s="23">
        <v>88</v>
      </c>
      <c r="J30" s="3">
        <v>104</v>
      </c>
      <c r="K30" s="4">
        <v>196</v>
      </c>
      <c r="L30" s="21">
        <v>300</v>
      </c>
    </row>
    <row r="31" spans="1:12" x14ac:dyDescent="0.2">
      <c r="A31" s="22">
        <v>19</v>
      </c>
      <c r="B31" s="3">
        <v>250</v>
      </c>
      <c r="C31" s="4">
        <v>255</v>
      </c>
      <c r="D31" s="44">
        <v>505</v>
      </c>
      <c r="E31" s="54">
        <v>54</v>
      </c>
      <c r="F31" s="3">
        <v>418</v>
      </c>
      <c r="G31" s="4">
        <v>398</v>
      </c>
      <c r="H31" s="53">
        <v>816</v>
      </c>
      <c r="I31" s="23">
        <v>89</v>
      </c>
      <c r="J31" s="3">
        <v>92</v>
      </c>
      <c r="K31" s="4">
        <v>188</v>
      </c>
      <c r="L31" s="21">
        <v>280</v>
      </c>
    </row>
    <row r="32" spans="1:12" x14ac:dyDescent="0.2">
      <c r="A32" s="29" t="s">
        <v>14</v>
      </c>
      <c r="B32" s="30">
        <v>1426</v>
      </c>
      <c r="C32" s="31">
        <v>1357</v>
      </c>
      <c r="D32" s="46">
        <v>2783</v>
      </c>
      <c r="E32" s="57" t="s">
        <v>15</v>
      </c>
      <c r="F32" s="30">
        <v>2095</v>
      </c>
      <c r="G32" s="31">
        <v>1940</v>
      </c>
      <c r="H32" s="58">
        <v>4035</v>
      </c>
      <c r="I32" s="32" t="s">
        <v>16</v>
      </c>
      <c r="J32" s="30">
        <v>667</v>
      </c>
      <c r="K32" s="31">
        <v>1068</v>
      </c>
      <c r="L32" s="33">
        <v>1735</v>
      </c>
    </row>
    <row r="33" spans="1:12" x14ac:dyDescent="0.2">
      <c r="A33" s="22"/>
      <c r="B33" s="3"/>
      <c r="C33" s="4"/>
      <c r="D33" s="44"/>
      <c r="E33" s="54"/>
      <c r="F33" s="3"/>
      <c r="G33" s="4"/>
      <c r="H33" s="53"/>
      <c r="I33" s="23"/>
      <c r="J33" s="3"/>
      <c r="K33" s="4"/>
      <c r="L33" s="21"/>
    </row>
    <row r="34" spans="1:12" x14ac:dyDescent="0.2">
      <c r="A34" s="22">
        <v>20</v>
      </c>
      <c r="B34" s="3">
        <v>231</v>
      </c>
      <c r="C34" s="4">
        <v>293</v>
      </c>
      <c r="D34" s="44">
        <v>524</v>
      </c>
      <c r="E34" s="54">
        <v>55</v>
      </c>
      <c r="F34" s="3">
        <v>380</v>
      </c>
      <c r="G34" s="4">
        <v>360</v>
      </c>
      <c r="H34" s="53">
        <v>740</v>
      </c>
      <c r="I34" s="23">
        <v>90</v>
      </c>
      <c r="J34" s="3">
        <v>65</v>
      </c>
      <c r="K34" s="4">
        <v>192</v>
      </c>
      <c r="L34" s="21">
        <v>257</v>
      </c>
    </row>
    <row r="35" spans="1:12" x14ac:dyDescent="0.2">
      <c r="A35" s="22">
        <v>21</v>
      </c>
      <c r="B35" s="3">
        <v>246</v>
      </c>
      <c r="C35" s="4">
        <v>256</v>
      </c>
      <c r="D35" s="44">
        <v>502</v>
      </c>
      <c r="E35" s="54">
        <v>56</v>
      </c>
      <c r="F35" s="3">
        <v>302</v>
      </c>
      <c r="G35" s="4">
        <v>280</v>
      </c>
      <c r="H35" s="53">
        <v>582</v>
      </c>
      <c r="I35" s="23">
        <v>91</v>
      </c>
      <c r="J35" s="3">
        <v>61</v>
      </c>
      <c r="K35" s="4">
        <v>156</v>
      </c>
      <c r="L35" s="21">
        <v>217</v>
      </c>
    </row>
    <row r="36" spans="1:12" x14ac:dyDescent="0.2">
      <c r="A36" s="22">
        <v>22</v>
      </c>
      <c r="B36" s="3">
        <v>253</v>
      </c>
      <c r="C36" s="4">
        <v>232</v>
      </c>
      <c r="D36" s="44">
        <v>485</v>
      </c>
      <c r="E36" s="54">
        <v>57</v>
      </c>
      <c r="F36" s="3">
        <v>408</v>
      </c>
      <c r="G36" s="4">
        <v>367</v>
      </c>
      <c r="H36" s="53">
        <v>775</v>
      </c>
      <c r="I36" s="23">
        <v>92</v>
      </c>
      <c r="J36" s="3">
        <v>70</v>
      </c>
      <c r="K36" s="4">
        <v>142</v>
      </c>
      <c r="L36" s="21">
        <v>212</v>
      </c>
    </row>
    <row r="37" spans="1:12" x14ac:dyDescent="0.2">
      <c r="A37" s="22">
        <v>23</v>
      </c>
      <c r="B37" s="3">
        <v>208</v>
      </c>
      <c r="C37" s="4">
        <v>200</v>
      </c>
      <c r="D37" s="44">
        <v>408</v>
      </c>
      <c r="E37" s="54">
        <v>58</v>
      </c>
      <c r="F37" s="3">
        <v>302</v>
      </c>
      <c r="G37" s="4">
        <v>328</v>
      </c>
      <c r="H37" s="53">
        <v>630</v>
      </c>
      <c r="I37" s="23">
        <v>93</v>
      </c>
      <c r="J37" s="3">
        <v>42</v>
      </c>
      <c r="K37" s="4">
        <v>133</v>
      </c>
      <c r="L37" s="21">
        <v>175</v>
      </c>
    </row>
    <row r="38" spans="1:12" x14ac:dyDescent="0.2">
      <c r="A38" s="22">
        <v>24</v>
      </c>
      <c r="B38" s="3">
        <v>216</v>
      </c>
      <c r="C38" s="4">
        <v>180</v>
      </c>
      <c r="D38" s="44">
        <v>396</v>
      </c>
      <c r="E38" s="54">
        <v>59</v>
      </c>
      <c r="F38" s="3">
        <v>322</v>
      </c>
      <c r="G38" s="4">
        <v>373</v>
      </c>
      <c r="H38" s="53">
        <v>695</v>
      </c>
      <c r="I38" s="23">
        <v>94</v>
      </c>
      <c r="J38" s="3">
        <v>27</v>
      </c>
      <c r="K38" s="4">
        <v>96</v>
      </c>
      <c r="L38" s="21">
        <v>123</v>
      </c>
    </row>
    <row r="39" spans="1:12" x14ac:dyDescent="0.2">
      <c r="A39" s="22" t="s">
        <v>17</v>
      </c>
      <c r="B39" s="3">
        <v>1154</v>
      </c>
      <c r="C39" s="4">
        <v>1161</v>
      </c>
      <c r="D39" s="44">
        <v>2315</v>
      </c>
      <c r="E39" s="54" t="s">
        <v>18</v>
      </c>
      <c r="F39" s="3">
        <v>1714</v>
      </c>
      <c r="G39" s="4">
        <v>1708</v>
      </c>
      <c r="H39" s="53">
        <v>3422</v>
      </c>
      <c r="I39" s="23" t="s">
        <v>19</v>
      </c>
      <c r="J39" s="3">
        <v>265</v>
      </c>
      <c r="K39" s="4">
        <v>719</v>
      </c>
      <c r="L39" s="21">
        <v>984</v>
      </c>
    </row>
    <row r="40" spans="1:12" x14ac:dyDescent="0.2">
      <c r="A40" s="24"/>
      <c r="B40" s="25"/>
      <c r="C40" s="26"/>
      <c r="D40" s="45"/>
      <c r="E40" s="55"/>
      <c r="F40" s="25"/>
      <c r="G40" s="26"/>
      <c r="H40" s="56"/>
      <c r="I40" s="27"/>
      <c r="J40" s="25"/>
      <c r="K40" s="26"/>
      <c r="L40" s="28"/>
    </row>
    <row r="41" spans="1:12" x14ac:dyDescent="0.2">
      <c r="A41" s="22">
        <v>25</v>
      </c>
      <c r="B41" s="3">
        <v>192</v>
      </c>
      <c r="C41" s="4">
        <v>165</v>
      </c>
      <c r="D41" s="44">
        <v>357</v>
      </c>
      <c r="E41" s="54">
        <v>60</v>
      </c>
      <c r="F41" s="3">
        <v>309</v>
      </c>
      <c r="G41" s="4">
        <v>289</v>
      </c>
      <c r="H41" s="53">
        <v>598</v>
      </c>
      <c r="I41" s="23">
        <v>95</v>
      </c>
      <c r="J41" s="3">
        <v>28</v>
      </c>
      <c r="K41" s="4">
        <v>97</v>
      </c>
      <c r="L41" s="21">
        <v>125</v>
      </c>
    </row>
    <row r="42" spans="1:12" x14ac:dyDescent="0.2">
      <c r="A42" s="22">
        <v>26</v>
      </c>
      <c r="B42" s="3">
        <v>161</v>
      </c>
      <c r="C42" s="4">
        <v>165</v>
      </c>
      <c r="D42" s="44">
        <v>326</v>
      </c>
      <c r="E42" s="54">
        <v>61</v>
      </c>
      <c r="F42" s="3">
        <v>353</v>
      </c>
      <c r="G42" s="4">
        <v>323</v>
      </c>
      <c r="H42" s="53">
        <v>676</v>
      </c>
      <c r="I42" s="23">
        <v>96</v>
      </c>
      <c r="J42" s="3">
        <v>12</v>
      </c>
      <c r="K42" s="4">
        <v>55</v>
      </c>
      <c r="L42" s="21">
        <v>67</v>
      </c>
    </row>
    <row r="43" spans="1:12" x14ac:dyDescent="0.2">
      <c r="A43" s="22">
        <v>27</v>
      </c>
      <c r="B43" s="3">
        <v>193</v>
      </c>
      <c r="C43" s="4">
        <v>188</v>
      </c>
      <c r="D43" s="44">
        <v>381</v>
      </c>
      <c r="E43" s="54">
        <v>62</v>
      </c>
      <c r="F43" s="3">
        <v>327</v>
      </c>
      <c r="G43" s="4">
        <v>331</v>
      </c>
      <c r="H43" s="53">
        <v>658</v>
      </c>
      <c r="I43" s="23">
        <v>97</v>
      </c>
      <c r="J43" s="3">
        <v>14</v>
      </c>
      <c r="K43" s="4">
        <v>43</v>
      </c>
      <c r="L43" s="21">
        <v>57</v>
      </c>
    </row>
    <row r="44" spans="1:12" x14ac:dyDescent="0.2">
      <c r="A44" s="22">
        <v>28</v>
      </c>
      <c r="B44" s="3">
        <v>200</v>
      </c>
      <c r="C44" s="4">
        <v>195</v>
      </c>
      <c r="D44" s="44">
        <v>395</v>
      </c>
      <c r="E44" s="54">
        <v>63</v>
      </c>
      <c r="F44" s="3">
        <v>336</v>
      </c>
      <c r="G44" s="4">
        <v>365</v>
      </c>
      <c r="H44" s="53">
        <v>701</v>
      </c>
      <c r="I44" s="23">
        <v>98</v>
      </c>
      <c r="J44" s="3">
        <v>5</v>
      </c>
      <c r="K44" s="4">
        <v>40</v>
      </c>
      <c r="L44" s="21">
        <v>45</v>
      </c>
    </row>
    <row r="45" spans="1:12" x14ac:dyDescent="0.2">
      <c r="A45" s="22">
        <v>29</v>
      </c>
      <c r="B45" s="3">
        <v>202</v>
      </c>
      <c r="C45" s="4">
        <v>233</v>
      </c>
      <c r="D45" s="44">
        <v>435</v>
      </c>
      <c r="E45" s="54">
        <v>64</v>
      </c>
      <c r="F45" s="3">
        <v>336</v>
      </c>
      <c r="G45" s="4">
        <v>371</v>
      </c>
      <c r="H45" s="53">
        <v>707</v>
      </c>
      <c r="I45" s="23">
        <v>99</v>
      </c>
      <c r="J45" s="3">
        <v>4</v>
      </c>
      <c r="K45" s="4">
        <v>34</v>
      </c>
      <c r="L45" s="21">
        <v>38</v>
      </c>
    </row>
    <row r="46" spans="1:12" x14ac:dyDescent="0.2">
      <c r="A46" s="29" t="s">
        <v>20</v>
      </c>
      <c r="B46" s="30">
        <v>948</v>
      </c>
      <c r="C46" s="31">
        <v>946</v>
      </c>
      <c r="D46" s="46">
        <v>1894</v>
      </c>
      <c r="E46" s="57" t="s">
        <v>21</v>
      </c>
      <c r="F46" s="30">
        <v>1661</v>
      </c>
      <c r="G46" s="31">
        <v>1679</v>
      </c>
      <c r="H46" s="58">
        <v>3340</v>
      </c>
      <c r="I46" s="32" t="s">
        <v>22</v>
      </c>
      <c r="J46" s="30">
        <v>63</v>
      </c>
      <c r="K46" s="31">
        <v>269</v>
      </c>
      <c r="L46" s="33">
        <v>332</v>
      </c>
    </row>
    <row r="47" spans="1:12" x14ac:dyDescent="0.2">
      <c r="A47" s="22"/>
      <c r="B47" s="3"/>
      <c r="C47" s="4"/>
      <c r="D47" s="44"/>
      <c r="E47" s="54"/>
      <c r="F47" s="3"/>
      <c r="G47" s="4"/>
      <c r="H47" s="53"/>
      <c r="I47" s="23"/>
      <c r="J47" s="3"/>
      <c r="K47" s="4"/>
      <c r="L47" s="21"/>
    </row>
    <row r="48" spans="1:12" x14ac:dyDescent="0.2">
      <c r="A48" s="22">
        <v>30</v>
      </c>
      <c r="B48" s="3">
        <v>230</v>
      </c>
      <c r="C48" s="4">
        <v>218</v>
      </c>
      <c r="D48" s="44">
        <v>448</v>
      </c>
      <c r="E48" s="54">
        <v>65</v>
      </c>
      <c r="F48" s="3">
        <v>327</v>
      </c>
      <c r="G48" s="4">
        <v>361</v>
      </c>
      <c r="H48" s="53">
        <v>688</v>
      </c>
      <c r="I48" s="23">
        <v>100</v>
      </c>
      <c r="J48" s="3">
        <v>0</v>
      </c>
      <c r="K48" s="4">
        <v>32</v>
      </c>
      <c r="L48" s="21">
        <v>32</v>
      </c>
    </row>
    <row r="49" spans="1:12" x14ac:dyDescent="0.2">
      <c r="A49" s="22">
        <v>31</v>
      </c>
      <c r="B49" s="3">
        <v>208</v>
      </c>
      <c r="C49" s="4">
        <v>223</v>
      </c>
      <c r="D49" s="44">
        <v>431</v>
      </c>
      <c r="E49" s="54">
        <v>66</v>
      </c>
      <c r="F49" s="3">
        <v>344</v>
      </c>
      <c r="G49" s="4">
        <v>398</v>
      </c>
      <c r="H49" s="53">
        <v>742</v>
      </c>
      <c r="I49" s="23">
        <v>101</v>
      </c>
      <c r="J49" s="3">
        <v>1</v>
      </c>
      <c r="K49" s="4">
        <v>8</v>
      </c>
      <c r="L49" s="21">
        <v>9</v>
      </c>
    </row>
    <row r="50" spans="1:12" x14ac:dyDescent="0.2">
      <c r="A50" s="22">
        <v>32</v>
      </c>
      <c r="B50" s="3">
        <v>235</v>
      </c>
      <c r="C50" s="4">
        <v>220</v>
      </c>
      <c r="D50" s="44">
        <v>455</v>
      </c>
      <c r="E50" s="54">
        <v>67</v>
      </c>
      <c r="F50" s="3">
        <v>413</v>
      </c>
      <c r="G50" s="4">
        <v>401</v>
      </c>
      <c r="H50" s="53">
        <v>814</v>
      </c>
      <c r="I50" s="23">
        <v>102</v>
      </c>
      <c r="J50" s="3">
        <v>2</v>
      </c>
      <c r="K50" s="4">
        <v>9</v>
      </c>
      <c r="L50" s="21">
        <v>11</v>
      </c>
    </row>
    <row r="51" spans="1:12" x14ac:dyDescent="0.2">
      <c r="A51" s="22">
        <v>33</v>
      </c>
      <c r="B51" s="3">
        <v>243</v>
      </c>
      <c r="C51" s="4">
        <v>237</v>
      </c>
      <c r="D51" s="44">
        <v>480</v>
      </c>
      <c r="E51" s="54">
        <v>68</v>
      </c>
      <c r="F51" s="3">
        <v>426</v>
      </c>
      <c r="G51" s="4">
        <v>447</v>
      </c>
      <c r="H51" s="53">
        <v>873</v>
      </c>
      <c r="I51" s="23">
        <v>103</v>
      </c>
      <c r="J51" s="3">
        <v>0</v>
      </c>
      <c r="K51" s="4">
        <v>3</v>
      </c>
      <c r="L51" s="21">
        <v>3</v>
      </c>
    </row>
    <row r="52" spans="1:12" x14ac:dyDescent="0.2">
      <c r="A52" s="22">
        <v>34</v>
      </c>
      <c r="B52" s="3">
        <v>272</v>
      </c>
      <c r="C52" s="4">
        <v>245</v>
      </c>
      <c r="D52" s="44">
        <v>517</v>
      </c>
      <c r="E52" s="54">
        <v>69</v>
      </c>
      <c r="F52" s="3">
        <v>450</v>
      </c>
      <c r="G52" s="4">
        <v>517</v>
      </c>
      <c r="H52" s="53">
        <v>967</v>
      </c>
      <c r="I52" s="23">
        <v>104</v>
      </c>
      <c r="J52" s="3">
        <v>0</v>
      </c>
      <c r="K52" s="4">
        <v>3</v>
      </c>
      <c r="L52" s="21">
        <v>3</v>
      </c>
    </row>
    <row r="53" spans="1:12" x14ac:dyDescent="0.2">
      <c r="A53" s="34" t="s">
        <v>23</v>
      </c>
      <c r="B53" s="30">
        <v>1188</v>
      </c>
      <c r="C53" s="31">
        <v>1143</v>
      </c>
      <c r="D53" s="46">
        <v>2331</v>
      </c>
      <c r="E53" s="59" t="s">
        <v>24</v>
      </c>
      <c r="F53" s="30">
        <v>1960</v>
      </c>
      <c r="G53" s="31">
        <v>2124</v>
      </c>
      <c r="H53" s="58">
        <v>4084</v>
      </c>
      <c r="I53" s="35" t="s">
        <v>25</v>
      </c>
      <c r="J53" s="30">
        <v>3</v>
      </c>
      <c r="K53" s="31">
        <v>55</v>
      </c>
      <c r="L53" s="33">
        <v>58</v>
      </c>
    </row>
    <row r="54" spans="1:12" x14ac:dyDescent="0.2">
      <c r="A54" s="19"/>
      <c r="B54" s="3"/>
      <c r="C54" s="4"/>
      <c r="D54" s="44"/>
      <c r="E54" s="52"/>
      <c r="F54" s="3"/>
      <c r="G54" s="4"/>
      <c r="H54" s="53"/>
      <c r="I54" s="20"/>
      <c r="J54" s="3"/>
      <c r="K54" s="4"/>
      <c r="L54" s="21"/>
    </row>
    <row r="55" spans="1:12" ht="13.8" thickBot="1" x14ac:dyDescent="0.25">
      <c r="A55" s="36"/>
      <c r="B55" s="5"/>
      <c r="C55" s="37"/>
      <c r="D55" s="47"/>
      <c r="E55" s="60"/>
      <c r="F55" s="5"/>
      <c r="G55" s="37"/>
      <c r="H55" s="61"/>
      <c r="I55" s="38" t="s">
        <v>26</v>
      </c>
      <c r="J55" s="5">
        <v>0</v>
      </c>
      <c r="K55" s="37">
        <v>4</v>
      </c>
      <c r="L55" s="39">
        <v>4</v>
      </c>
    </row>
    <row r="56" spans="1:12" x14ac:dyDescent="0.2">
      <c r="A56" s="40"/>
      <c r="B56" s="41"/>
      <c r="C56" s="41"/>
      <c r="D56" s="41"/>
      <c r="F56" s="41"/>
      <c r="G56" s="41"/>
      <c r="H56" s="41"/>
      <c r="J56" s="62"/>
      <c r="K56" s="63"/>
      <c r="L56" s="63"/>
    </row>
    <row r="57" spans="1:12" x14ac:dyDescent="0.2">
      <c r="A57" s="42"/>
      <c r="B57" s="41"/>
      <c r="C57" s="41"/>
      <c r="D57" s="41"/>
      <c r="F57" s="41"/>
      <c r="G57" s="41"/>
      <c r="H57" s="41"/>
      <c r="J57" s="41"/>
      <c r="K57" s="41"/>
      <c r="L57" s="41"/>
    </row>
    <row r="58" spans="1:12" x14ac:dyDescent="0.2">
      <c r="A58" s="42"/>
      <c r="B58" s="41"/>
      <c r="C58" s="41"/>
      <c r="D58" s="41"/>
      <c r="F58" s="41"/>
      <c r="G58" s="41"/>
      <c r="H58" s="41"/>
      <c r="J58" s="41"/>
      <c r="K58" s="41"/>
      <c r="L58" s="41"/>
    </row>
  </sheetData>
  <mergeCells count="2">
    <mergeCell ref="J56:L56"/>
    <mergeCell ref="H2:L2"/>
  </mergeCells>
  <phoneticPr fontId="2"/>
  <pageMargins left="0.74803149606299213" right="0.51181102362204722" top="0.59055118110236227" bottom="0.6692913385826772" header="0.51181102362204722" footer="0.51181102362204722"/>
  <pageSetup paperSize="9" orientation="portrait" horizontalDpi="4294967293" verticalDpi="300" r:id="rId1"/>
  <headerFooter alignWithMargins="0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2816CFCD-80F8-4F95-85AD-CF813267DD77}">
  <ds:schemaRefs>
    <ds:schemaRef ds:uri="http://schemas.microsoft.com/office/2006/metadata/properties"/>
    <ds:schemaRef ds:uri="http://purl.org/dc/terms/"/>
    <ds:schemaRef ds:uri="http://schemas.openxmlformats.org/package/2006/metadata/core-properties"/>
    <ds:schemaRef ds:uri="http://schemas.microsoft.com/office/2006/documentManagement/types"/>
    <ds:schemaRef ds:uri="http://schemas.microsoft.com/office/infopath/2007/PartnerControls"/>
    <ds:schemaRef ds:uri="http://purl.org/dc/elements/1.1/"/>
    <ds:schemaRef ds:uri="http://www.w3.org/XML/1998/namespace"/>
    <ds:schemaRef ds:uri="http://purl.org/dc/dcmitype/"/>
  </ds:schemaRefs>
</ds:datastoreItem>
</file>

<file path=customXml/itemProps2.xml><?xml version="1.0" encoding="utf-8"?>
<ds:datastoreItem xmlns:ds="http://schemas.openxmlformats.org/officeDocument/2006/customXml" ds:itemID="{75B2865E-D1B8-4FBC-AB67-7CE87EECF2E3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47277EF4-6818-4700-A7D2-901C56FB8A99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６　年齢・男女別</vt:lpstr>
    </vt:vector>
  </TitlesOfParts>
  <Manager>総務部情報管理課</Manager>
  <Company>石狩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cp:lastPrinted>2020-10-01T05:46:11Z</cp:lastPrinted>
  <dcterms:created xsi:type="dcterms:W3CDTF">1997-06-20T00:13:05Z</dcterms:created>
  <dcterms:modified xsi:type="dcterms:W3CDTF">2023-06-09T01:01:59Z</dcterms:modified>
</cp:coreProperties>
</file>